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0" yWindow="0" windowWidth="23040" windowHeight="10380"/>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0</definedName>
  </definedNames>
  <calcPr calcId="152511"/>
</workbook>
</file>

<file path=xl/sharedStrings.xml><?xml version="1.0" encoding="utf-8"?>
<sst xmlns="http://schemas.openxmlformats.org/spreadsheetml/2006/main" count="1142" uniqueCount="860">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綾瀬</t>
    <rPh sb="0" eb="2">
      <t>アヤセ</t>
    </rPh>
    <phoneticPr fontId="1"/>
  </si>
  <si>
    <t>155</t>
    <phoneticPr fontId="1"/>
  </si>
  <si>
    <t>369</t>
    <phoneticPr fontId="1"/>
  </si>
  <si>
    <t>みえるとかみえないとか</t>
    <phoneticPr fontId="1"/>
  </si>
  <si>
    <t>ヨシタケシンスケ</t>
    <phoneticPr fontId="1"/>
  </si>
  <si>
    <t>アリス館</t>
    <rPh sb="3" eb="4">
      <t>カン</t>
    </rPh>
    <phoneticPr fontId="1"/>
  </si>
  <si>
    <t>367.1</t>
    <phoneticPr fontId="1"/>
  </si>
  <si>
    <t>女に生まれてモヤってる</t>
    <rPh sb="0" eb="1">
      <t>オンナ</t>
    </rPh>
    <rPh sb="2" eb="3">
      <t>ウ</t>
    </rPh>
    <phoneticPr fontId="1"/>
  </si>
  <si>
    <t>小学館</t>
    <rPh sb="0" eb="3">
      <t>ショウガッカン</t>
    </rPh>
    <phoneticPr fontId="1"/>
  </si>
  <si>
    <t>ジェーン・スー　中野信子</t>
    <rPh sb="8" eb="10">
      <t>ナカノ</t>
    </rPh>
    <rPh sb="10" eb="12">
      <t>ノブコ</t>
    </rPh>
    <phoneticPr fontId="1"/>
  </si>
  <si>
    <t>367.1</t>
    <phoneticPr fontId="1"/>
  </si>
  <si>
    <t>ジェンダーについて大学生が真剣に考えてみた</t>
    <rPh sb="9" eb="12">
      <t>ダイガクセイ</t>
    </rPh>
    <rPh sb="13" eb="15">
      <t>シンケン</t>
    </rPh>
    <rPh sb="16" eb="17">
      <t>カンガ</t>
    </rPh>
    <phoneticPr fontId="1"/>
  </si>
  <si>
    <t>明石書房</t>
    <rPh sb="0" eb="2">
      <t>アカシ</t>
    </rPh>
    <rPh sb="2" eb="4">
      <t>ショボウ</t>
    </rPh>
    <phoneticPr fontId="1"/>
  </si>
  <si>
    <t>ジェンダー研究のゼミに所属している学生たちが、自分たちに寄せられたさまざまな質問に、大学生の視点で答えた本です。</t>
    <rPh sb="5" eb="7">
      <t>ケンキュウ</t>
    </rPh>
    <rPh sb="11" eb="13">
      <t>ショゾク</t>
    </rPh>
    <rPh sb="17" eb="19">
      <t>ガクセイ</t>
    </rPh>
    <rPh sb="23" eb="25">
      <t>ジブン</t>
    </rPh>
    <rPh sb="28" eb="29">
      <t>ヨ</t>
    </rPh>
    <rPh sb="38" eb="40">
      <t>シツモン</t>
    </rPh>
    <rPh sb="42" eb="45">
      <t>ダイガクセイ</t>
    </rPh>
    <rPh sb="46" eb="48">
      <t>シテン</t>
    </rPh>
    <rPh sb="49" eb="50">
      <t>コタ</t>
    </rPh>
    <rPh sb="52" eb="53">
      <t>ホン</t>
    </rPh>
    <phoneticPr fontId="1"/>
  </si>
  <si>
    <t>コラムニストのジェーン・スーさんと脳科学者の中野信子さんが「女に生まれて」こんなところが「モヤモヤする」ということを語り会っている本です。</t>
    <rPh sb="17" eb="20">
      <t>ノウカガク</t>
    </rPh>
    <rPh sb="20" eb="21">
      <t>シャ</t>
    </rPh>
    <rPh sb="22" eb="24">
      <t>ナカノ</t>
    </rPh>
    <rPh sb="24" eb="26">
      <t>ノブコ</t>
    </rPh>
    <rPh sb="30" eb="31">
      <t>オンナ</t>
    </rPh>
    <rPh sb="32" eb="33">
      <t>ウ</t>
    </rPh>
    <rPh sb="58" eb="59">
      <t>カタ</t>
    </rPh>
    <rPh sb="60" eb="61">
      <t>ア</t>
    </rPh>
    <rPh sb="65" eb="66">
      <t>ホン</t>
    </rPh>
    <phoneticPr fontId="1"/>
  </si>
  <si>
    <t>367.9</t>
    <phoneticPr fontId="1"/>
  </si>
  <si>
    <t>LGBT　なんでも聞いてみよう</t>
    <rPh sb="9" eb="10">
      <t>キ</t>
    </rPh>
    <phoneticPr fontId="1"/>
  </si>
  <si>
    <t>QWRC　徳永桂子</t>
    <rPh sb="5" eb="7">
      <t>トクナガ</t>
    </rPh>
    <rPh sb="7" eb="9">
      <t>ケイコ</t>
    </rPh>
    <phoneticPr fontId="1"/>
  </si>
  <si>
    <t>子どもの未来社</t>
    <rPh sb="0" eb="1">
      <t>コ</t>
    </rPh>
    <rPh sb="4" eb="7">
      <t>ミライシャ</t>
    </rPh>
    <phoneticPr fontId="1"/>
  </si>
  <si>
    <t>実際に中高生から出た質問に答えるＱ＆Ａ形式の本です。コラムで基礎知識も身につきます。読みやすい本です。</t>
    <rPh sb="0" eb="2">
      <t>ジッサイ</t>
    </rPh>
    <rPh sb="3" eb="6">
      <t>チュウコウセイ</t>
    </rPh>
    <rPh sb="8" eb="9">
      <t>デ</t>
    </rPh>
    <rPh sb="10" eb="12">
      <t>シツモン</t>
    </rPh>
    <rPh sb="13" eb="14">
      <t>コタ</t>
    </rPh>
    <rPh sb="19" eb="21">
      <t>ケイシキ</t>
    </rPh>
    <rPh sb="22" eb="23">
      <t>ホン</t>
    </rPh>
    <rPh sb="30" eb="34">
      <t>キソチシキ</t>
    </rPh>
    <rPh sb="35" eb="36">
      <t>ミ</t>
    </rPh>
    <rPh sb="42" eb="43">
      <t>ヨ</t>
    </rPh>
    <rPh sb="47" eb="48">
      <t>ホン</t>
    </rPh>
    <phoneticPr fontId="1"/>
  </si>
  <si>
    <t>378.2</t>
    <phoneticPr fontId="1"/>
  </si>
  <si>
    <t>手話の学校と難聴のディレクター</t>
    <rPh sb="0" eb="2">
      <t>シュワ</t>
    </rPh>
    <rPh sb="3" eb="5">
      <t>ガッコウ</t>
    </rPh>
    <rPh sb="6" eb="8">
      <t>ナンチョウ</t>
    </rPh>
    <phoneticPr fontId="1"/>
  </si>
  <si>
    <t>長嶋　愛</t>
    <rPh sb="0" eb="2">
      <t>ナガシマ</t>
    </rPh>
    <rPh sb="3" eb="4">
      <t>アイ</t>
    </rPh>
    <phoneticPr fontId="1"/>
  </si>
  <si>
    <t>筑摩書房</t>
    <rPh sb="0" eb="2">
      <t>チクマ</t>
    </rPh>
    <rPh sb="2" eb="4">
      <t>ショボウ</t>
    </rPh>
    <phoneticPr fontId="1"/>
  </si>
  <si>
    <t>藤井克徳・星川安之</t>
    <rPh sb="0" eb="2">
      <t>フジイ</t>
    </rPh>
    <rPh sb="2" eb="3">
      <t>カツ</t>
    </rPh>
    <rPh sb="3" eb="4">
      <t>トク</t>
    </rPh>
    <rPh sb="5" eb="7">
      <t>ホシカワ</t>
    </rPh>
    <rPh sb="7" eb="9">
      <t>ヤスユキ</t>
    </rPh>
    <phoneticPr fontId="1"/>
  </si>
  <si>
    <t>岩波書店</t>
    <rPh sb="0" eb="2">
      <t>イワナミ</t>
    </rPh>
    <rPh sb="2" eb="4">
      <t>ショテン</t>
    </rPh>
    <phoneticPr fontId="1"/>
  </si>
  <si>
    <t>366.28</t>
    <phoneticPr fontId="1"/>
  </si>
  <si>
    <t>障害者とともに働く</t>
    <rPh sb="0" eb="3">
      <t>ショウガイシャ</t>
    </rPh>
    <rPh sb="7" eb="8">
      <t>ハタラ</t>
    </rPh>
    <phoneticPr fontId="1"/>
  </si>
  <si>
    <t>493.758</t>
    <phoneticPr fontId="1"/>
  </si>
  <si>
    <t>マンガ　認知症</t>
    <rPh sb="4" eb="7">
      <t>ニンチショウ</t>
    </rPh>
    <phoneticPr fontId="1"/>
  </si>
  <si>
    <t>ニコ・ニコルソン　佐藤眞一</t>
    <rPh sb="9" eb="11">
      <t>サトウ</t>
    </rPh>
    <rPh sb="11" eb="13">
      <t>シンイチ</t>
    </rPh>
    <phoneticPr fontId="1"/>
  </si>
  <si>
    <t>この本は漫画家のニコ・ニコルソンさんが認知症になった自分のおばあさんとのエピソードをマンガで描き、心理学老年行動学を研究している佐藤先生が、おばあさんの症状や気持ちについて解説をするという構成になっています。とてもわかりやすい本です。</t>
    <rPh sb="2" eb="3">
      <t>ホン</t>
    </rPh>
    <rPh sb="4" eb="7">
      <t>マンガカ</t>
    </rPh>
    <rPh sb="19" eb="22">
      <t>ニンチショウ</t>
    </rPh>
    <rPh sb="26" eb="28">
      <t>ジブン</t>
    </rPh>
    <rPh sb="46" eb="47">
      <t>カ</t>
    </rPh>
    <rPh sb="49" eb="52">
      <t>シンリガク</t>
    </rPh>
    <rPh sb="52" eb="54">
      <t>ロウネン</t>
    </rPh>
    <rPh sb="54" eb="57">
      <t>コウドウガク</t>
    </rPh>
    <rPh sb="58" eb="60">
      <t>ケンキュウ</t>
    </rPh>
    <rPh sb="64" eb="66">
      <t>サトウ</t>
    </rPh>
    <rPh sb="66" eb="68">
      <t>センセイ</t>
    </rPh>
    <rPh sb="76" eb="78">
      <t>ショウジョウ</t>
    </rPh>
    <rPh sb="79" eb="81">
      <t>キモ</t>
    </rPh>
    <rPh sb="86" eb="88">
      <t>カイセツ</t>
    </rPh>
    <rPh sb="94" eb="96">
      <t>コウセイ</t>
    </rPh>
    <rPh sb="113" eb="114">
      <t>ホン</t>
    </rPh>
    <phoneticPr fontId="1"/>
  </si>
  <si>
    <t>378.8</t>
    <phoneticPr fontId="1"/>
  </si>
  <si>
    <t>「うちの子は字が書けないかも」と思ったら</t>
    <rPh sb="4" eb="5">
      <t>コ</t>
    </rPh>
    <rPh sb="6" eb="7">
      <t>ジ</t>
    </rPh>
    <rPh sb="8" eb="9">
      <t>カ</t>
    </rPh>
    <rPh sb="16" eb="17">
      <t>オモ</t>
    </rPh>
    <phoneticPr fontId="1"/>
  </si>
  <si>
    <t>宇野彰　千葉リョウコ</t>
    <rPh sb="0" eb="2">
      <t>ウノ</t>
    </rPh>
    <rPh sb="2" eb="3">
      <t>アキラ</t>
    </rPh>
    <rPh sb="4" eb="6">
      <t>チバ</t>
    </rPh>
    <phoneticPr fontId="1"/>
  </si>
  <si>
    <t>ポプラ社</t>
    <rPh sb="3" eb="4">
      <t>シャ</t>
    </rPh>
    <phoneticPr fontId="1"/>
  </si>
  <si>
    <t>367.1</t>
    <phoneticPr fontId="1"/>
  </si>
  <si>
    <t>女の子はどう生きるか</t>
    <rPh sb="0" eb="1">
      <t>オンナ</t>
    </rPh>
    <rPh sb="2" eb="3">
      <t>コ</t>
    </rPh>
    <rPh sb="6" eb="7">
      <t>イ</t>
    </rPh>
    <phoneticPr fontId="1"/>
  </si>
  <si>
    <t>上野千鶴子</t>
    <rPh sb="0" eb="2">
      <t>ウエノ</t>
    </rPh>
    <rPh sb="2" eb="5">
      <t>チズコ</t>
    </rPh>
    <phoneticPr fontId="1"/>
  </si>
  <si>
    <t>岩波書店</t>
    <rPh sb="0" eb="2">
      <t>イワナミ</t>
    </rPh>
    <rPh sb="2" eb="4">
      <t>ショテン</t>
    </rPh>
    <phoneticPr fontId="1"/>
  </si>
  <si>
    <t>「色にも女の子色、男の子色ってあるの？」などなど女の子の疑問に上野千鶴子さんが答えてくれます。タイトルは「女の子」ですが、男の子も考えるヒントがもらえる本だと思います。</t>
    <rPh sb="1" eb="2">
      <t>イロ</t>
    </rPh>
    <rPh sb="4" eb="5">
      <t>オンナ</t>
    </rPh>
    <rPh sb="6" eb="7">
      <t>コ</t>
    </rPh>
    <rPh sb="7" eb="8">
      <t>イロ</t>
    </rPh>
    <rPh sb="9" eb="10">
      <t>オトコ</t>
    </rPh>
    <rPh sb="11" eb="12">
      <t>コ</t>
    </rPh>
    <rPh sb="12" eb="13">
      <t>イロ</t>
    </rPh>
    <rPh sb="24" eb="25">
      <t>オンナ</t>
    </rPh>
    <rPh sb="26" eb="27">
      <t>コ</t>
    </rPh>
    <rPh sb="28" eb="30">
      <t>ギモン</t>
    </rPh>
    <rPh sb="31" eb="33">
      <t>ウエノ</t>
    </rPh>
    <rPh sb="33" eb="36">
      <t>チズコ</t>
    </rPh>
    <rPh sb="39" eb="40">
      <t>コタ</t>
    </rPh>
    <rPh sb="53" eb="54">
      <t>オンナ</t>
    </rPh>
    <rPh sb="55" eb="56">
      <t>コ</t>
    </rPh>
    <rPh sb="61" eb="62">
      <t>オトコ</t>
    </rPh>
    <rPh sb="63" eb="64">
      <t>コ</t>
    </rPh>
    <rPh sb="65" eb="66">
      <t>カンガ</t>
    </rPh>
    <rPh sb="76" eb="77">
      <t>ホン</t>
    </rPh>
    <rPh sb="79" eb="80">
      <t>オモ</t>
    </rPh>
    <phoneticPr fontId="1"/>
  </si>
  <si>
    <t>まんがでわかる発達障害の人のためのお仕事スキル</t>
    <rPh sb="7" eb="11">
      <t>ハッタツショウガイ</t>
    </rPh>
    <rPh sb="12" eb="13">
      <t>ヒト</t>
    </rPh>
    <rPh sb="18" eb="20">
      <t>シゴト</t>
    </rPh>
    <phoneticPr fontId="1"/>
  </si>
  <si>
    <t>Kaien</t>
    <phoneticPr fontId="1"/>
  </si>
  <si>
    <t>合同出版</t>
    <rPh sb="0" eb="2">
      <t>ゴウドウ</t>
    </rPh>
    <rPh sb="2" eb="4">
      <t>シュッパン</t>
    </rPh>
    <phoneticPr fontId="1"/>
  </si>
  <si>
    <t>331</t>
    <phoneticPr fontId="1"/>
  </si>
  <si>
    <t>世界がぐっと近くなるSDGsとボクらをつなぐ本</t>
    <rPh sb="0" eb="2">
      <t>セカイ</t>
    </rPh>
    <rPh sb="6" eb="7">
      <t>チカ</t>
    </rPh>
    <rPh sb="22" eb="23">
      <t>ホン</t>
    </rPh>
    <phoneticPr fontId="1"/>
  </si>
  <si>
    <t>池上彰監修</t>
    <rPh sb="0" eb="2">
      <t>イケガミ</t>
    </rPh>
    <rPh sb="2" eb="3">
      <t>アキラ</t>
    </rPh>
    <rPh sb="3" eb="5">
      <t>カンシュウ</t>
    </rPh>
    <phoneticPr fontId="1"/>
  </si>
  <si>
    <t>学研プラス</t>
    <rPh sb="0" eb="2">
      <t>ガッケン</t>
    </rPh>
    <phoneticPr fontId="1"/>
  </si>
  <si>
    <t>369.4</t>
    <phoneticPr fontId="1"/>
  </si>
  <si>
    <t>どうしたらいいのかわからない君のための人生の歩きかた図鑑</t>
    <rPh sb="14" eb="15">
      <t>キミ</t>
    </rPh>
    <rPh sb="19" eb="21">
      <t>ジンセイ</t>
    </rPh>
    <rPh sb="22" eb="23">
      <t>アル</t>
    </rPh>
    <rPh sb="26" eb="28">
      <t>ズカン</t>
    </rPh>
    <phoneticPr fontId="1"/>
  </si>
  <si>
    <t>石井光太</t>
    <rPh sb="0" eb="4">
      <t>イシイコウタ</t>
    </rPh>
    <phoneticPr fontId="1"/>
  </si>
  <si>
    <t>日本実業出版社</t>
    <rPh sb="0" eb="2">
      <t>ニホン</t>
    </rPh>
    <rPh sb="2" eb="4">
      <t>ジツギョウ</t>
    </rPh>
    <rPh sb="4" eb="7">
      <t>シュッパンシャ</t>
    </rPh>
    <phoneticPr fontId="1"/>
  </si>
  <si>
    <t>不登校や発達障害、虐待、セクシュアリティなどさまざまなことに悩んで「どうしたらいいかわからない君のための」相談先や解決方法がわかる、人生を歩いていく手助けをしてくれる本です。</t>
    <rPh sb="0" eb="3">
      <t>フトウコウ</t>
    </rPh>
    <rPh sb="4" eb="8">
      <t>ハッタツショウガイ</t>
    </rPh>
    <rPh sb="9" eb="11">
      <t>ギャクタイ</t>
    </rPh>
    <rPh sb="30" eb="31">
      <t>ナヤ</t>
    </rPh>
    <rPh sb="47" eb="48">
      <t>キミ</t>
    </rPh>
    <rPh sb="53" eb="56">
      <t>ソウダンサキ</t>
    </rPh>
    <rPh sb="57" eb="59">
      <t>カイケツ</t>
    </rPh>
    <rPh sb="59" eb="61">
      <t>ホウホウ</t>
    </rPh>
    <rPh sb="66" eb="68">
      <t>ジンセイ</t>
    </rPh>
    <rPh sb="69" eb="70">
      <t>アル</t>
    </rPh>
    <rPh sb="74" eb="76">
      <t>テダス</t>
    </rPh>
    <rPh sb="83" eb="84">
      <t>ホン</t>
    </rPh>
    <phoneticPr fontId="1"/>
  </si>
  <si>
    <t>僕は宇宙飛行士。いろんな星の調査をするのが僕の仕事。ある時僕は、目が３つあるひとが住む星についた。後ろが見えないことで、みんなに気をつかわれて、僕はヘンな気持ちになる。読みながら、いろいろなことを考えられる絵本です。</t>
    <rPh sb="0" eb="1">
      <t>ボク</t>
    </rPh>
    <rPh sb="2" eb="4">
      <t>ウチュウ</t>
    </rPh>
    <rPh sb="4" eb="7">
      <t>ヒコウシ</t>
    </rPh>
    <rPh sb="12" eb="13">
      <t>ホシ</t>
    </rPh>
    <rPh sb="14" eb="16">
      <t>チョウサ</t>
    </rPh>
    <rPh sb="21" eb="22">
      <t>ボク</t>
    </rPh>
    <rPh sb="23" eb="25">
      <t>シゴト</t>
    </rPh>
    <rPh sb="28" eb="29">
      <t>トキ</t>
    </rPh>
    <rPh sb="29" eb="30">
      <t>ボク</t>
    </rPh>
    <rPh sb="32" eb="33">
      <t>メ</t>
    </rPh>
    <rPh sb="41" eb="42">
      <t>ス</t>
    </rPh>
    <rPh sb="43" eb="44">
      <t>ホシ</t>
    </rPh>
    <rPh sb="49" eb="50">
      <t>ウシ</t>
    </rPh>
    <rPh sb="52" eb="53">
      <t>ミ</t>
    </rPh>
    <rPh sb="64" eb="65">
      <t>キ</t>
    </rPh>
    <rPh sb="72" eb="73">
      <t>ボク</t>
    </rPh>
    <rPh sb="77" eb="79">
      <t>キモ</t>
    </rPh>
    <rPh sb="84" eb="85">
      <t>ヨ</t>
    </rPh>
    <rPh sb="98" eb="99">
      <t>カンガ</t>
    </rPh>
    <rPh sb="103" eb="105">
      <t>エホン</t>
    </rPh>
    <phoneticPr fontId="1"/>
  </si>
  <si>
    <t>障害のある人の労働の実態や、これまでの歴史、国際的な状況など、基本的なことが書かれています。また、様々な企業の取り組みなども書かれていて、「障害者とともに働く」ことがどういうことか、想像できる本です。</t>
    <rPh sb="0" eb="2">
      <t>ショウガイ</t>
    </rPh>
    <rPh sb="5" eb="6">
      <t>ヒト</t>
    </rPh>
    <rPh sb="7" eb="9">
      <t>ロウドウ</t>
    </rPh>
    <rPh sb="10" eb="12">
      <t>ジッタイ</t>
    </rPh>
    <rPh sb="19" eb="21">
      <t>レキシ</t>
    </rPh>
    <rPh sb="22" eb="25">
      <t>コクサイテキ</t>
    </rPh>
    <rPh sb="26" eb="28">
      <t>ジョウキョウ</t>
    </rPh>
    <rPh sb="31" eb="34">
      <t>キホンテキ</t>
    </rPh>
    <rPh sb="38" eb="39">
      <t>カ</t>
    </rPh>
    <rPh sb="49" eb="51">
      <t>サマザマ</t>
    </rPh>
    <rPh sb="52" eb="54">
      <t>キギョウ</t>
    </rPh>
    <rPh sb="55" eb="56">
      <t>ト</t>
    </rPh>
    <rPh sb="57" eb="58">
      <t>ク</t>
    </rPh>
    <rPh sb="62" eb="63">
      <t>カ</t>
    </rPh>
    <rPh sb="70" eb="73">
      <t>ショウガイシャ</t>
    </rPh>
    <rPh sb="77" eb="78">
      <t>ハタラ</t>
    </rPh>
    <rPh sb="91" eb="93">
      <t>ソウゾウ</t>
    </rPh>
    <rPh sb="96" eb="97">
      <t>ホン</t>
    </rPh>
    <phoneticPr fontId="1"/>
  </si>
  <si>
    <t>この本は、まずまんがで発達障害の人が仕事をするけれどもうまくいかない、というエピソードが紹介されて、その後でそれについてアドバイスが書かれています。また日常生活を円滑にする工夫や周囲に支援を求めるやり方が書かれています。</t>
    <rPh sb="2" eb="3">
      <t>ホン</t>
    </rPh>
    <rPh sb="11" eb="13">
      <t>ハッタツ</t>
    </rPh>
    <rPh sb="13" eb="15">
      <t>ショウガイ</t>
    </rPh>
    <rPh sb="16" eb="17">
      <t>ヒト</t>
    </rPh>
    <rPh sb="18" eb="20">
      <t>シゴト</t>
    </rPh>
    <rPh sb="44" eb="46">
      <t>ショウカイ</t>
    </rPh>
    <rPh sb="52" eb="53">
      <t>アト</t>
    </rPh>
    <rPh sb="66" eb="67">
      <t>カ</t>
    </rPh>
    <rPh sb="76" eb="78">
      <t>ニチジョウ</t>
    </rPh>
    <rPh sb="78" eb="80">
      <t>セイカツ</t>
    </rPh>
    <rPh sb="81" eb="83">
      <t>エンカツ</t>
    </rPh>
    <rPh sb="86" eb="88">
      <t>クフウ</t>
    </rPh>
    <rPh sb="89" eb="91">
      <t>シュウイ</t>
    </rPh>
    <rPh sb="92" eb="94">
      <t>シエン</t>
    </rPh>
    <rPh sb="95" eb="96">
      <t>モト</t>
    </rPh>
    <rPh sb="100" eb="101">
      <t>カタ</t>
    </rPh>
    <rPh sb="102" eb="103">
      <t>カ</t>
    </rPh>
    <phoneticPr fontId="1"/>
  </si>
  <si>
    <t>それぞれ異なる人間がお互いのことを知り、個性を尊重しあえるように、「多様性」について考えられるような図書を選定しました。</t>
    <rPh sb="4" eb="5">
      <t>コト</t>
    </rPh>
    <rPh sb="7" eb="9">
      <t>ニンゲン</t>
    </rPh>
    <rPh sb="11" eb="12">
      <t>タガ</t>
    </rPh>
    <rPh sb="17" eb="18">
      <t>シ</t>
    </rPh>
    <rPh sb="20" eb="22">
      <t>コセイ</t>
    </rPh>
    <rPh sb="23" eb="25">
      <t>ソンチョウ</t>
    </rPh>
    <rPh sb="34" eb="37">
      <t>タヨウセイ</t>
    </rPh>
    <rPh sb="42" eb="43">
      <t>カンガ</t>
    </rPh>
    <rPh sb="50" eb="52">
      <t>トショ</t>
    </rPh>
    <rPh sb="53" eb="55">
      <t>センテイ</t>
    </rPh>
    <phoneticPr fontId="1"/>
  </si>
  <si>
    <t>一橋大学社会学部佐藤文香ゼミ</t>
    <rPh sb="0" eb="2">
      <t>ヒトツバシ</t>
    </rPh>
    <rPh sb="2" eb="4">
      <t>ダイガク</t>
    </rPh>
    <rPh sb="4" eb="6">
      <t>シャカイ</t>
    </rPh>
    <rPh sb="6" eb="8">
      <t>ガクブ</t>
    </rPh>
    <rPh sb="8" eb="10">
      <t>サトウ</t>
    </rPh>
    <rPh sb="10" eb="12">
      <t>フミカ</t>
    </rPh>
    <phoneticPr fontId="1"/>
  </si>
  <si>
    <t>日本でたった一つ、日本手話で教育をする「明晴学園」にドキュメンタリーをつくるためにやってきた難聴のディレクター。彼女が番組をつくる過程で考えた「聞こえる人」と「聞こえない人」が「共に生きる」とは。</t>
    <rPh sb="0" eb="2">
      <t>ニホン</t>
    </rPh>
    <rPh sb="6" eb="7">
      <t>ヒト</t>
    </rPh>
    <rPh sb="9" eb="11">
      <t>ニホン</t>
    </rPh>
    <rPh sb="11" eb="13">
      <t>シュワ</t>
    </rPh>
    <rPh sb="14" eb="16">
      <t>キョウイク</t>
    </rPh>
    <rPh sb="20" eb="21">
      <t>メイ</t>
    </rPh>
    <rPh sb="21" eb="22">
      <t>ハ</t>
    </rPh>
    <rPh sb="22" eb="24">
      <t>ガクエン</t>
    </rPh>
    <rPh sb="46" eb="48">
      <t>ナンチョウ</t>
    </rPh>
    <rPh sb="56" eb="58">
      <t>カノジョ</t>
    </rPh>
    <rPh sb="59" eb="61">
      <t>バングミ</t>
    </rPh>
    <rPh sb="65" eb="67">
      <t>カテイ</t>
    </rPh>
    <rPh sb="68" eb="69">
      <t>カンガ</t>
    </rPh>
    <rPh sb="72" eb="73">
      <t>キ</t>
    </rPh>
    <rPh sb="76" eb="77">
      <t>ヒト</t>
    </rPh>
    <rPh sb="80" eb="81">
      <t>キ</t>
    </rPh>
    <rPh sb="85" eb="86">
      <t>ヒト</t>
    </rPh>
    <rPh sb="89" eb="90">
      <t>トモ</t>
    </rPh>
    <rPh sb="91" eb="92">
      <t>イ</t>
    </rPh>
    <phoneticPr fontId="1"/>
  </si>
  <si>
    <t>「SDGs(持続可能な開発目標)ってなんだろう？」この本はSDGsの入門書で、SDGsの１７の目標(ジェンダーについて、パートナーシップなど)をわかりやすく説明した本です。</t>
    <rPh sb="6" eb="8">
      <t>ジゾク</t>
    </rPh>
    <rPh sb="8" eb="10">
      <t>カノウ</t>
    </rPh>
    <rPh sb="11" eb="13">
      <t>カイハツ</t>
    </rPh>
    <rPh sb="13" eb="15">
      <t>モクヒョウ</t>
    </rPh>
    <rPh sb="27" eb="28">
      <t>ホン</t>
    </rPh>
    <rPh sb="34" eb="37">
      <t>ニュウモンショ</t>
    </rPh>
    <rPh sb="47" eb="49">
      <t>モクヒョウ</t>
    </rPh>
    <rPh sb="78" eb="80">
      <t>セツメイ</t>
    </rPh>
    <rPh sb="82" eb="83">
      <t>ホン</t>
    </rPh>
    <phoneticPr fontId="1"/>
  </si>
  <si>
    <t>高等学校</t>
    <rPh sb="0" eb="2">
      <t>コウトウ</t>
    </rPh>
    <rPh sb="2" eb="4">
      <t>ガッコウ</t>
    </rPh>
    <phoneticPr fontId="1"/>
  </si>
  <si>
    <t>がんばっても読み書きが苦手な発達性読み書き障害の子どもを持つ千葉リョウコさんが家族の体験を描き、医学博士で発達性ディスレクシア研究会理事長の宇野彰さんが専門家として、家庭や学校はどう支援したらいいかを書いてある本です。</t>
    <rPh sb="6" eb="7">
      <t>ヨ</t>
    </rPh>
    <rPh sb="8" eb="9">
      <t>カ</t>
    </rPh>
    <rPh sb="11" eb="13">
      <t>ニガテ</t>
    </rPh>
    <rPh sb="14" eb="17">
      <t>ハッタツセイ</t>
    </rPh>
    <rPh sb="17" eb="18">
      <t>ヨ</t>
    </rPh>
    <rPh sb="19" eb="20">
      <t>カ</t>
    </rPh>
    <rPh sb="21" eb="23">
      <t>ショウガイ</t>
    </rPh>
    <rPh sb="24" eb="25">
      <t>コ</t>
    </rPh>
    <rPh sb="28" eb="29">
      <t>モ</t>
    </rPh>
    <rPh sb="30" eb="32">
      <t>チバ</t>
    </rPh>
    <rPh sb="39" eb="41">
      <t>カゾク</t>
    </rPh>
    <rPh sb="42" eb="44">
      <t>タイケン</t>
    </rPh>
    <rPh sb="45" eb="46">
      <t>カ</t>
    </rPh>
    <rPh sb="48" eb="50">
      <t>イガク</t>
    </rPh>
    <rPh sb="50" eb="52">
      <t>ハカセ</t>
    </rPh>
    <rPh sb="53" eb="56">
      <t>ハッタツセイ</t>
    </rPh>
    <rPh sb="63" eb="66">
      <t>ケンキュウカイ</t>
    </rPh>
    <rPh sb="66" eb="69">
      <t>リジチョウ</t>
    </rPh>
    <rPh sb="70" eb="72">
      <t>ウノ</t>
    </rPh>
    <rPh sb="72" eb="73">
      <t>アキラ</t>
    </rPh>
    <rPh sb="76" eb="79">
      <t>センモンカ</t>
    </rPh>
    <rPh sb="86" eb="88">
      <t>ガッコウ</t>
    </rPh>
    <rPh sb="100" eb="101">
      <t>カ</t>
    </rPh>
    <rPh sb="105" eb="106">
      <t>ホン</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1">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6">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
      <left style="hair">
        <color theme="0" tint="-0.499984740745262"/>
      </left>
      <right/>
      <top style="thin">
        <color theme="0" tint="-0.499984740745262"/>
      </top>
      <bottom style="thin">
        <color theme="0" tint="-0.499984740745262"/>
      </bottom>
      <diagonal/>
    </border>
    <border>
      <left/>
      <right style="hair">
        <color theme="0" tint="-0.499984740745262"/>
      </right>
      <top style="thin">
        <color theme="0" tint="-0.499984740745262"/>
      </top>
      <bottom style="thin">
        <color theme="0" tint="-0.499984740745262"/>
      </bottom>
      <diagonal/>
    </border>
  </borders>
  <cellStyleXfs count="1">
    <xf numFmtId="0" fontId="0" fillId="0" borderId="0"/>
  </cellStyleXfs>
  <cellXfs count="42">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11" xfId="0" applyFont="1" applyFill="1" applyBorder="1" applyAlignment="1">
      <alignment horizontal="center" wrapText="1"/>
    </xf>
    <xf numFmtId="49" fontId="4" fillId="3" borderId="8" xfId="0" quotePrefix="1"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49" fontId="4" fillId="0" borderId="1" xfId="0" applyNumberFormat="1" applyFont="1" applyFill="1" applyBorder="1" applyAlignment="1">
      <alignment horizontal="center" vertical="center"/>
    </xf>
    <xf numFmtId="0" fontId="9" fillId="0" borderId="3" xfId="0" applyFont="1" applyFill="1" applyBorder="1" applyAlignment="1">
      <alignment vertical="center" wrapText="1"/>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176" fontId="10" fillId="0" borderId="14" xfId="0" applyNumberFormat="1" applyFont="1" applyFill="1" applyBorder="1" applyAlignment="1">
      <alignment vertical="center" wrapText="1"/>
    </xf>
    <xf numFmtId="0" fontId="0" fillId="0" borderId="6" xfId="0" applyBorder="1" applyAlignment="1">
      <alignment vertical="center" wrapText="1"/>
    </xf>
    <xf numFmtId="0" fontId="0" fillId="0" borderId="7" xfId="0" applyBorder="1" applyAlignment="1">
      <alignment vertical="center"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9" fillId="0" borderId="9" xfId="0" applyFont="1" applyFill="1" applyBorder="1" applyAlignment="1">
      <alignment vertical="center" wrapText="1"/>
    </xf>
    <xf numFmtId="0" fontId="6" fillId="0" borderId="5" xfId="0" applyFont="1" applyFill="1" applyBorder="1" applyAlignment="1">
      <alignment horizontal="left" vertical="top" wrapText="1"/>
    </xf>
    <xf numFmtId="0" fontId="6" fillId="0" borderId="6" xfId="0" applyFont="1" applyFill="1" applyBorder="1" applyAlignment="1">
      <alignment horizontal="left" vertical="top" wrapText="1"/>
    </xf>
    <xf numFmtId="0" fontId="6" fillId="0" borderId="7" xfId="0" applyFont="1" applyFill="1" applyBorder="1" applyAlignment="1">
      <alignment horizontal="left" vertical="top" wrapText="1"/>
    </xf>
    <xf numFmtId="176" fontId="10" fillId="0" borderId="9" xfId="0" applyNumberFormat="1" applyFont="1" applyFill="1" applyBorder="1" applyAlignment="1">
      <alignment vertical="center" wrapText="1"/>
    </xf>
    <xf numFmtId="176" fontId="10" fillId="0" borderId="10" xfId="0" applyNumberFormat="1" applyFont="1" applyFill="1" applyBorder="1" applyAlignment="1">
      <alignment vertical="center" wrapText="1"/>
    </xf>
    <xf numFmtId="0" fontId="8" fillId="5" borderId="12" xfId="0" applyFont="1" applyFill="1" applyBorder="1" applyAlignment="1">
      <alignment horizontal="center" vertical="center"/>
    </xf>
    <xf numFmtId="0" fontId="9" fillId="0" borderId="14" xfId="0" applyFont="1" applyFill="1" applyBorder="1" applyAlignment="1">
      <alignment vertical="center" wrapText="1"/>
    </xf>
    <xf numFmtId="0" fontId="0" fillId="0" borderId="15" xfId="0" applyBorder="1" applyAlignment="1">
      <alignment vertical="center" wrapText="1"/>
    </xf>
    <xf numFmtId="0" fontId="3" fillId="5" borderId="0" xfId="0" applyFont="1" applyFill="1" applyBorder="1" applyAlignment="1">
      <alignment horizontal="center"/>
    </xf>
    <xf numFmtId="0" fontId="8" fillId="5" borderId="12" xfId="0" applyFont="1" applyFill="1" applyBorder="1" applyAlignment="1">
      <alignment horizontal="left" vertical="center" wrapText="1"/>
    </xf>
    <xf numFmtId="0" fontId="8" fillId="5" borderId="12" xfId="0" applyFont="1" applyFill="1" applyBorder="1" applyAlignment="1">
      <alignment horizontal="left" vertical="center"/>
    </xf>
    <xf numFmtId="0" fontId="8" fillId="5" borderId="13" xfId="0" applyFont="1" applyFill="1" applyBorder="1" applyAlignment="1">
      <alignment horizontal="left" vertical="center"/>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0"/>
  <sheetViews>
    <sheetView tabSelected="1" view="pageBreakPreview" topLeftCell="A11" zoomScaleNormal="100" zoomScaleSheetLayoutView="100" workbookViewId="0">
      <selection activeCell="I16" sqref="I16:K16"/>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38" t="s">
        <v>797</v>
      </c>
      <c r="D1" s="38"/>
      <c r="E1" s="38"/>
      <c r="F1" s="38"/>
      <c r="G1" s="38"/>
      <c r="H1" s="38"/>
      <c r="I1" s="38"/>
      <c r="J1" s="38"/>
      <c r="K1" s="4"/>
      <c r="L1" s="4"/>
    </row>
    <row r="2" spans="1:12" ht="18" customHeight="1">
      <c r="A2" s="7"/>
      <c r="B2" s="8"/>
      <c r="C2" s="9"/>
      <c r="D2" s="9"/>
      <c r="E2" s="9"/>
      <c r="F2" s="9"/>
      <c r="G2" s="9"/>
      <c r="H2" s="7"/>
      <c r="I2" s="7"/>
      <c r="J2" s="7"/>
      <c r="K2" s="7"/>
      <c r="L2" s="7"/>
    </row>
    <row r="3" spans="1:12" ht="35.1" customHeight="1">
      <c r="A3" s="7"/>
      <c r="B3" s="14" t="s">
        <v>5</v>
      </c>
      <c r="C3" s="25" t="s">
        <v>798</v>
      </c>
      <c r="D3" s="25"/>
      <c r="E3" s="26" t="s">
        <v>858</v>
      </c>
      <c r="F3" s="26"/>
      <c r="G3" s="27" t="s">
        <v>796</v>
      </c>
      <c r="H3" s="28"/>
      <c r="I3" s="18" t="s">
        <v>799</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30" t="s">
        <v>854</v>
      </c>
      <c r="C6" s="31"/>
      <c r="D6" s="31"/>
      <c r="E6" s="31"/>
      <c r="F6" s="31"/>
      <c r="G6" s="31"/>
      <c r="H6" s="31"/>
      <c r="I6" s="31"/>
      <c r="J6" s="31"/>
      <c r="K6" s="32"/>
      <c r="L6" s="7"/>
    </row>
    <row r="7" spans="1:12">
      <c r="A7" s="7"/>
      <c r="B7" s="11"/>
      <c r="C7" s="7"/>
      <c r="D7" s="7"/>
      <c r="E7" s="12"/>
      <c r="F7" s="7"/>
      <c r="G7" s="7"/>
      <c r="H7" s="7"/>
      <c r="I7" s="7"/>
      <c r="J7" s="7"/>
      <c r="K7" s="7"/>
      <c r="L7" s="7"/>
    </row>
    <row r="8" spans="1:12" ht="54.75" customHeight="1" thickBot="1">
      <c r="A8" s="7"/>
      <c r="B8" s="15" t="s">
        <v>3</v>
      </c>
      <c r="C8" s="35" t="s">
        <v>0</v>
      </c>
      <c r="D8" s="35"/>
      <c r="E8" s="35" t="s">
        <v>2</v>
      </c>
      <c r="F8" s="35"/>
      <c r="G8" s="35" t="s">
        <v>1</v>
      </c>
      <c r="H8" s="35"/>
      <c r="I8" s="39" t="s">
        <v>4</v>
      </c>
      <c r="J8" s="40"/>
      <c r="K8" s="41"/>
      <c r="L8" s="7"/>
    </row>
    <row r="9" spans="1:12" ht="69" customHeight="1" thickTop="1">
      <c r="A9" s="13">
        <v>1</v>
      </c>
      <c r="B9" s="16" t="s">
        <v>800</v>
      </c>
      <c r="C9" s="29" t="s">
        <v>801</v>
      </c>
      <c r="D9" s="29"/>
      <c r="E9" s="29" t="s">
        <v>802</v>
      </c>
      <c r="F9" s="29"/>
      <c r="G9" s="29" t="s">
        <v>803</v>
      </c>
      <c r="H9" s="29"/>
      <c r="I9" s="33" t="s">
        <v>851</v>
      </c>
      <c r="J9" s="33"/>
      <c r="K9" s="34"/>
      <c r="L9" s="7"/>
    </row>
    <row r="10" spans="1:12" ht="45" customHeight="1">
      <c r="A10" s="13">
        <v>2</v>
      </c>
      <c r="B10" s="17" t="s">
        <v>804</v>
      </c>
      <c r="C10" s="19" t="s">
        <v>805</v>
      </c>
      <c r="D10" s="19"/>
      <c r="E10" s="19" t="s">
        <v>807</v>
      </c>
      <c r="F10" s="19"/>
      <c r="G10" s="19" t="s">
        <v>806</v>
      </c>
      <c r="H10" s="19"/>
      <c r="I10" s="20" t="s">
        <v>812</v>
      </c>
      <c r="J10" s="20"/>
      <c r="K10" s="21"/>
      <c r="L10" s="7"/>
    </row>
    <row r="11" spans="1:12" ht="52.95" customHeight="1">
      <c r="A11" s="13"/>
      <c r="B11" s="17" t="s">
        <v>834</v>
      </c>
      <c r="C11" s="36" t="s">
        <v>835</v>
      </c>
      <c r="D11" s="37"/>
      <c r="E11" s="36" t="s">
        <v>836</v>
      </c>
      <c r="F11" s="37"/>
      <c r="G11" s="36" t="s">
        <v>837</v>
      </c>
      <c r="H11" s="37"/>
      <c r="I11" s="22" t="s">
        <v>838</v>
      </c>
      <c r="J11" s="23"/>
      <c r="K11" s="24"/>
      <c r="L11" s="7"/>
    </row>
    <row r="12" spans="1:12" ht="36.6" customHeight="1">
      <c r="A12" s="13">
        <v>3</v>
      </c>
      <c r="B12" s="17" t="s">
        <v>808</v>
      </c>
      <c r="C12" s="19" t="s">
        <v>809</v>
      </c>
      <c r="D12" s="19"/>
      <c r="E12" s="19" t="s">
        <v>855</v>
      </c>
      <c r="F12" s="19"/>
      <c r="G12" s="19" t="s">
        <v>810</v>
      </c>
      <c r="H12" s="19"/>
      <c r="I12" s="20" t="s">
        <v>811</v>
      </c>
      <c r="J12" s="20"/>
      <c r="K12" s="21"/>
      <c r="L12" s="7"/>
    </row>
    <row r="13" spans="1:12" ht="30" customHeight="1">
      <c r="A13" s="13">
        <v>4</v>
      </c>
      <c r="B13" s="17" t="s">
        <v>813</v>
      </c>
      <c r="C13" s="19" t="s">
        <v>814</v>
      </c>
      <c r="D13" s="19"/>
      <c r="E13" s="19" t="s">
        <v>815</v>
      </c>
      <c r="F13" s="19"/>
      <c r="G13" s="19" t="s">
        <v>816</v>
      </c>
      <c r="H13" s="19"/>
      <c r="I13" s="20" t="s">
        <v>817</v>
      </c>
      <c r="J13" s="20"/>
      <c r="K13" s="21"/>
      <c r="L13" s="7"/>
    </row>
    <row r="14" spans="1:12" ht="62.25" customHeight="1">
      <c r="A14" s="13">
        <v>6</v>
      </c>
      <c r="B14" s="17" t="s">
        <v>824</v>
      </c>
      <c r="C14" s="19" t="s">
        <v>825</v>
      </c>
      <c r="D14" s="19"/>
      <c r="E14" s="19" t="s">
        <v>822</v>
      </c>
      <c r="F14" s="19"/>
      <c r="G14" s="19" t="s">
        <v>823</v>
      </c>
      <c r="H14" s="19"/>
      <c r="I14" s="20" t="s">
        <v>852</v>
      </c>
      <c r="J14" s="20"/>
      <c r="K14" s="21"/>
      <c r="L14" s="7"/>
    </row>
    <row r="15" spans="1:12" ht="63" customHeight="1">
      <c r="A15" s="13"/>
      <c r="B15" s="17" t="s">
        <v>818</v>
      </c>
      <c r="C15" s="19" t="s">
        <v>819</v>
      </c>
      <c r="D15" s="19"/>
      <c r="E15" s="19" t="s">
        <v>820</v>
      </c>
      <c r="F15" s="19"/>
      <c r="G15" s="19" t="s">
        <v>821</v>
      </c>
      <c r="H15" s="19"/>
      <c r="I15" s="20" t="s">
        <v>856</v>
      </c>
      <c r="J15" s="20"/>
      <c r="K15" s="21"/>
      <c r="L15" s="7"/>
    </row>
    <row r="16" spans="1:12" ht="69.75" customHeight="1">
      <c r="A16" s="13">
        <v>8</v>
      </c>
      <c r="B16" s="17" t="s">
        <v>830</v>
      </c>
      <c r="C16" s="19" t="s">
        <v>831</v>
      </c>
      <c r="D16" s="19"/>
      <c r="E16" s="19" t="s">
        <v>832</v>
      </c>
      <c r="F16" s="19"/>
      <c r="G16" s="19" t="s">
        <v>833</v>
      </c>
      <c r="H16" s="19"/>
      <c r="I16" s="20" t="s">
        <v>859</v>
      </c>
      <c r="J16" s="20"/>
      <c r="K16" s="21"/>
      <c r="L16" s="7"/>
    </row>
    <row r="17" spans="1:12" ht="73.2" customHeight="1">
      <c r="A17" s="13">
        <v>9</v>
      </c>
      <c r="B17" s="17" t="s">
        <v>824</v>
      </c>
      <c r="C17" s="19" t="s">
        <v>839</v>
      </c>
      <c r="D17" s="19"/>
      <c r="E17" s="19" t="s">
        <v>840</v>
      </c>
      <c r="F17" s="19"/>
      <c r="G17" s="19" t="s">
        <v>841</v>
      </c>
      <c r="H17" s="19"/>
      <c r="I17" s="20" t="s">
        <v>853</v>
      </c>
      <c r="J17" s="20"/>
      <c r="K17" s="21"/>
      <c r="L17" s="7"/>
    </row>
    <row r="18" spans="1:12" ht="75.75" customHeight="1">
      <c r="A18" s="13">
        <v>10</v>
      </c>
      <c r="B18" s="17" t="s">
        <v>826</v>
      </c>
      <c r="C18" s="19" t="s">
        <v>827</v>
      </c>
      <c r="D18" s="19"/>
      <c r="E18" s="19" t="s">
        <v>828</v>
      </c>
      <c r="F18" s="19"/>
      <c r="G18" s="19" t="s">
        <v>821</v>
      </c>
      <c r="H18" s="19"/>
      <c r="I18" s="20" t="s">
        <v>829</v>
      </c>
      <c r="J18" s="20"/>
      <c r="K18" s="21"/>
      <c r="L18" s="7"/>
    </row>
    <row r="19" spans="1:12" ht="47.25" customHeight="1">
      <c r="A19" s="13">
        <v>11</v>
      </c>
      <c r="B19" s="17" t="s">
        <v>842</v>
      </c>
      <c r="C19" s="19" t="s">
        <v>843</v>
      </c>
      <c r="D19" s="19"/>
      <c r="E19" s="19" t="s">
        <v>844</v>
      </c>
      <c r="F19" s="19"/>
      <c r="G19" s="19" t="s">
        <v>845</v>
      </c>
      <c r="H19" s="19"/>
      <c r="I19" s="20" t="s">
        <v>857</v>
      </c>
      <c r="J19" s="20"/>
      <c r="K19" s="21"/>
      <c r="L19" s="7"/>
    </row>
    <row r="20" spans="1:12" ht="56.4" customHeight="1">
      <c r="A20" s="13">
        <v>12</v>
      </c>
      <c r="B20" s="17" t="s">
        <v>846</v>
      </c>
      <c r="C20" s="19" t="s">
        <v>847</v>
      </c>
      <c r="D20" s="19"/>
      <c r="E20" s="19" t="s">
        <v>848</v>
      </c>
      <c r="F20" s="19"/>
      <c r="G20" s="19" t="s">
        <v>849</v>
      </c>
      <c r="H20" s="19"/>
      <c r="I20" s="20" t="s">
        <v>850</v>
      </c>
      <c r="J20" s="20"/>
      <c r="K20" s="21"/>
      <c r="L20" s="7"/>
    </row>
  </sheetData>
  <mergeCells count="57">
    <mergeCell ref="C1:J1"/>
    <mergeCell ref="C17:D17"/>
    <mergeCell ref="E17:F17"/>
    <mergeCell ref="G17:H17"/>
    <mergeCell ref="I17:K17"/>
    <mergeCell ref="C16:D16"/>
    <mergeCell ref="E16:F16"/>
    <mergeCell ref="G16:H16"/>
    <mergeCell ref="I16:K16"/>
    <mergeCell ref="I12:K12"/>
    <mergeCell ref="C13:D13"/>
    <mergeCell ref="E13:F13"/>
    <mergeCell ref="G13:H13"/>
    <mergeCell ref="I13:K13"/>
    <mergeCell ref="I8:K8"/>
    <mergeCell ref="I10:K10"/>
    <mergeCell ref="I18:K18"/>
    <mergeCell ref="C14:D14"/>
    <mergeCell ref="E14:F14"/>
    <mergeCell ref="G14:H14"/>
    <mergeCell ref="I14:K14"/>
    <mergeCell ref="C15:D15"/>
    <mergeCell ref="E15:F15"/>
    <mergeCell ref="G15:H15"/>
    <mergeCell ref="I15:K15"/>
    <mergeCell ref="I11:K11"/>
    <mergeCell ref="C3:D3"/>
    <mergeCell ref="E3:F3"/>
    <mergeCell ref="G3:H3"/>
    <mergeCell ref="C9:D9"/>
    <mergeCell ref="E9:F9"/>
    <mergeCell ref="G9:H9"/>
    <mergeCell ref="B6:K6"/>
    <mergeCell ref="I9:K9"/>
    <mergeCell ref="C8:D8"/>
    <mergeCell ref="E8:F8"/>
    <mergeCell ref="G8:H8"/>
    <mergeCell ref="C11:D11"/>
    <mergeCell ref="E11:F11"/>
    <mergeCell ref="G11:H11"/>
    <mergeCell ref="C10:D10"/>
    <mergeCell ref="E10:F10"/>
    <mergeCell ref="G10:H10"/>
    <mergeCell ref="I19:K19"/>
    <mergeCell ref="C20:D20"/>
    <mergeCell ref="I20:K20"/>
    <mergeCell ref="E20:F20"/>
    <mergeCell ref="G20:H20"/>
    <mergeCell ref="C19:D19"/>
    <mergeCell ref="E19:F19"/>
    <mergeCell ref="G19:H19"/>
    <mergeCell ref="C12:D12"/>
    <mergeCell ref="E12:F12"/>
    <mergeCell ref="G12:H12"/>
    <mergeCell ref="C18:D18"/>
    <mergeCell ref="E18:F18"/>
    <mergeCell ref="G18:H18"/>
  </mergeCells>
  <phoneticPr fontId="1"/>
  <dataValidations count="1">
    <dataValidation imeMode="hiragana" allowBlank="1" showInputMessage="1" showErrorMessage="1" sqref="B6"/>
  </dataValidations>
  <pageMargins left="0.7" right="0.7" top="0.75" bottom="0.75" header="0.3" footer="0.3"/>
  <pageSetup paperSize="9" scale="85"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4-22T23:36:05Z</cp:lastPrinted>
  <dcterms:created xsi:type="dcterms:W3CDTF">2004-01-30T10:40:15Z</dcterms:created>
  <dcterms:modified xsi:type="dcterms:W3CDTF">2021-08-18T01:46:02Z</dcterms:modified>
</cp:coreProperties>
</file>